
<file path=[Content_Types].xml><?xml version="1.0" encoding="utf-8"?>
<Types xmlns="http://schemas.openxmlformats.org/package/2006/content-types"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Default Extension="png" ContentType="image/png"/>
  <Override PartName="/ppt/notesSlides/notesSlide1.xml" ContentType="application/vnd.openxmlformats-officedocument.presentationml.notesSlide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ppt/charts/style1.xml" ContentType="application/vnd.ms-office.chartstyle+xml"/>
  <Override PartName="/ppt/slideMasters/slideMaster1.xml" ContentType="application/vnd.openxmlformats-officedocument.presentationml.slideMaster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presProps.xml" ContentType="application/vnd.openxmlformats-officedocument.presentationml.presProps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notesMasters/notesMaster1.xml" ContentType="application/vnd.openxmlformats-officedocument.presentationml.notesMaster+xml"/>
  <Override PartName="/ppt/slideLayouts/slideLayout1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docProps/app.xml" ContentType="application/vnd.openxmlformats-officedocument.extended-properties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charts/colors1.xml" ContentType="application/vnd.ms-office.chartcolorstyle+xml"/>
  <Override PartName="/ppt/slideLayouts/slideLayout10.xml" ContentType="application/vnd.openxmlformats-officedocument.presentationml.slideLayout+xml"/>
  <Default Extension="xlsx" ContentType="application/vnd.openxmlformats-officedocument.spreadsheetml.sheet"/>
  <Override PartName="/ppt/slides/slide7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charts/chart1.xml" ContentType="application/vnd.openxmlformats-officedocument.drawingml.chart+xml"/>
  <Override PartName="/ppt/tags/tag9.xml" ContentType="application/vnd.openxmlformats-officedocument.presentationml.tags+xml"/>
  <Override PartName="/docProps/core.xml" ContentType="application/vnd.openxmlformats-package.core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9"/>
  </p:notesMasterIdLst>
  <p:sldIdLst>
    <p:sldId id="256" r:id="rId2"/>
    <p:sldId id="265" r:id="rId3"/>
    <p:sldId id="266" r:id="rId4"/>
    <p:sldId id="267" r:id="rId5"/>
    <p:sldId id="260" r:id="rId6"/>
    <p:sldId id="263" r:id="rId7"/>
    <p:sldId id="262" r:id="rId8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="" xmlns:p15="http://schemas.microsoft.com/office/powerpoint/2012/main">
        <p15:guide id="1" orient="horz" pos="2160" userDrawn="1">
          <p15:clr>
            <a:srgbClr val="A4A3A4"/>
          </p15:clr>
        </p15:guide>
        <p15:guide id="2" pos="1224" userDrawn="1">
          <p15:clr>
            <a:srgbClr val="A4A3A4"/>
          </p15:clr>
        </p15:guide>
        <p15:guide id="3" orient="horz" pos="3888" userDrawn="1">
          <p15:clr>
            <a:srgbClr val="A4A3A4"/>
          </p15:clr>
        </p15:guide>
        <p15:guide id="4" pos="410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="" xmlns:p14="http://schemas.microsoft.com/office/powerpoint/2010/main">
          <a:srgbClr val="FF0000"/>
        </p14:laserClr>
      </p:ext>
      <p:ext uri="{2FDB2607-1784-4EEB-B798-7EB5836EED8A}">
        <p14:showMediaCtrls xmlns="" xmlns:p14="http://schemas.microsoft.com/office/powerpoint/2010/main" val="1"/>
      </p:ext>
    </p:extLst>
  </p:showPr>
  <p:clrMru>
    <a:srgbClr val="FFFF99"/>
  </p:clrMru>
  <p:extLst>
    <p:ext uri="{E76CE94A-603C-4142-B9EB-6D1370010A27}">
      <p14:discardImageEditData xmlns="" xmlns:p14="http://schemas.microsoft.com/office/powerpoint/2010/main" val="0"/>
    </p:ext>
    <p:ext uri="{D31A062A-798A-4329-ABDD-BBA856620510}">
      <p14:defaultImageDpi xmlns="" xmlns:p14="http://schemas.microsoft.com/office/powerpoint/2010/main" val="220"/>
    </p:ext>
    <p:ext uri="{FD5EFAAD-0ECE-453E-9831-46B23BE46B34}">
      <p15:chartTrackingRefBased xmlns=""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napVertSplitter="1" vertBarState="minimized" horzBarState="maximized">
    <p:restoredLeft sz="19967" autoAdjust="0"/>
    <p:restoredTop sz="94660"/>
  </p:normalViewPr>
  <p:slideViewPr>
    <p:cSldViewPr snapToGrid="0" showGuides="1">
      <p:cViewPr>
        <p:scale>
          <a:sx n="75" d="100"/>
          <a:sy n="75" d="100"/>
        </p:scale>
        <p:origin x="-1616" y="-52"/>
      </p:cViewPr>
      <p:guideLst>
        <p:guide orient="horz" pos="2160"/>
        <p:guide orient="horz" pos="3888"/>
        <p:guide pos="1224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8028800" cy="780288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viewProps" Target="viewProps.xml"/><Relationship Id="rId5" Type="http://schemas.openxmlformats.org/officeDocument/2006/relationships/slide" Target="slides/slide4.xml"/><Relationship Id="rId10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3" Type="http://schemas.microsoft.com/office/2011/relationships/chartStyle" Target="style1.xml"/><Relationship Id="rId2" Type="http://schemas.microsoft.com/office/2011/relationships/chartColorStyle" Target="colors1.xml"/><Relationship Id="rId1" Type="http://schemas.openxmlformats.org/officeDocument/2006/relationships/package" Target="../embeddings/Microsoft_Office_Excel_Worksheet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n-US"/>
  <c:chart>
    <c:autoTitleDeleted val="1"/>
    <c:plotArea>
      <c:layout>
        <c:manualLayout>
          <c:layoutTarget val="inner"/>
          <c:xMode val="edge"/>
          <c:yMode val="edge"/>
          <c:x val="1.3932832213473667E-2"/>
          <c:y val="6.8750000000000033E-2"/>
          <c:w val="0.97398437360577961"/>
          <c:h val="0.79387500000000066"/>
        </c:manualLayout>
      </c:layout>
      <c:barChart>
        <c:barDir val="col"/>
        <c:grouping val="clustered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dPt>
            <c:idx val="4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8812-4009-946E-F49EAD780202}"/>
              </c:ext>
            </c:extLst>
          </c:dPt>
          <c:dPt>
            <c:idx val="5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8812-4009-946E-F49EAD780202}"/>
              </c:ext>
            </c:extLst>
          </c:dPt>
          <c:dPt>
            <c:idx val="6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8812-4009-946E-F49EAD780202}"/>
              </c:ext>
            </c:extLst>
          </c:dPt>
          <c:dPt>
            <c:idx val="7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8812-4009-946E-F49EAD780202}"/>
              </c:ext>
            </c:extLst>
          </c:dPt>
          <c:dPt>
            <c:idx val="8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9-8812-4009-946E-F49EAD780202}"/>
              </c:ext>
            </c:extLst>
          </c:dPt>
          <c:dPt>
            <c:idx val="9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B-8812-4009-946E-F49EAD780202}"/>
              </c:ext>
            </c:extLst>
          </c:dPt>
          <c:dPt>
            <c:idx val="1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D-8812-4009-946E-F49EAD780202}"/>
              </c:ext>
            </c:extLst>
          </c:dPt>
          <c:dPt>
            <c:idx val="11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F-8812-4009-946E-F49EAD780202}"/>
              </c:ext>
            </c:extLst>
          </c:dPt>
          <c:dLbls>
            <c:numFmt formatCode="&quot;$&quot;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Arial" panose="020B0604020202020204" pitchFamily="34" charset="0"/>
                    <a:ea typeface="+mn-ea"/>
                    <a:cs typeface="Arial" panose="020B0604020202020204" pitchFamily="34" charset="0"/>
                  </a:defRPr>
                </a:pPr>
                <a:endParaRPr lang="en-US"/>
              </a:p>
            </c:txPr>
            <c:showVal val="1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!$A$2:$A$13</c:f>
              <c:strCache>
                <c:ptCount val="12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E</c:v>
                </c:pt>
                <c:pt idx="5">
                  <c:v>2019E</c:v>
                </c:pt>
                <c:pt idx="6">
                  <c:v>2020E</c:v>
                </c:pt>
                <c:pt idx="7">
                  <c:v>2021E</c:v>
                </c:pt>
                <c:pt idx="8">
                  <c:v>2022E</c:v>
                </c:pt>
                <c:pt idx="9">
                  <c:v>2023E</c:v>
                </c:pt>
                <c:pt idx="10">
                  <c:v>2024E</c:v>
                </c:pt>
                <c:pt idx="11">
                  <c:v>2025E</c:v>
                </c:pt>
              </c:strCache>
            </c:strRef>
          </c:cat>
          <c:val>
            <c:numRef>
              <c:f>Sheet1!$B$2:$B$13</c:f>
              <c:numCache>
                <c:formatCode>General</c:formatCode>
                <c:ptCount val="12"/>
                <c:pt idx="0">
                  <c:v>136.5</c:v>
                </c:pt>
                <c:pt idx="1">
                  <c:v>141.9</c:v>
                </c:pt>
                <c:pt idx="2">
                  <c:v>147.9</c:v>
                </c:pt>
                <c:pt idx="3">
                  <c:v>153.9</c:v>
                </c:pt>
                <c:pt idx="4">
                  <c:v>161</c:v>
                </c:pt>
                <c:pt idx="5">
                  <c:v>168</c:v>
                </c:pt>
                <c:pt idx="6">
                  <c:v>175.1</c:v>
                </c:pt>
                <c:pt idx="7">
                  <c:v>183.8</c:v>
                </c:pt>
                <c:pt idx="8">
                  <c:v>194.2</c:v>
                </c:pt>
                <c:pt idx="9">
                  <c:v>204.5</c:v>
                </c:pt>
                <c:pt idx="10">
                  <c:v>214.9</c:v>
                </c:pt>
                <c:pt idx="11">
                  <c:v>226.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10-8812-4009-946E-F49EAD780202}"/>
            </c:ext>
          </c:extLst>
        </c:ser>
        <c:gapWidth val="219"/>
        <c:overlap val="-27"/>
        <c:axId val="130022016"/>
        <c:axId val="128975232"/>
      </c:barChart>
      <c:catAx>
        <c:axId val="130022016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pPr>
            <a:endParaRPr lang="en-US"/>
          </a:p>
        </c:txPr>
        <c:crossAx val="128975232"/>
        <c:crosses val="autoZero"/>
        <c:auto val="1"/>
        <c:lblAlgn val="ctr"/>
        <c:lblOffset val="100"/>
      </c:catAx>
      <c:valAx>
        <c:axId val="128975232"/>
        <c:scaling>
          <c:orientation val="minMax"/>
        </c:scaling>
        <c:delete val="1"/>
        <c:axPos val="l"/>
        <c:numFmt formatCode="General" sourceLinked="1"/>
        <c:majorTickMark val="none"/>
        <c:tickLblPos val="none"/>
        <c:crossAx val="130022016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</c:chart>
  <c:spPr>
    <a:noFill/>
    <a:ln>
      <a:noFill/>
    </a:ln>
    <a:effectLst/>
  </c:spPr>
  <c:txPr>
    <a:bodyPr/>
    <a:lstStyle/>
    <a:p>
      <a:pPr>
        <a:defRPr sz="900">
          <a:latin typeface="Arial" panose="020B0604020202020204" pitchFamily="34" charset="0"/>
          <a:cs typeface="Arial" panose="020B0604020202020204" pitchFamily="34" charset="0"/>
        </a:defRPr>
      </a:pPr>
      <a:endParaRPr lang="en-US"/>
    </a:p>
  </c:txPr>
  <c:externalData r:id="rId1"/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8213545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  <a:pPr/>
              <a:t>1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92283227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P1536676678805</a:t>
            </a:r>
          </a:p>
        </p:txBody>
      </p:sp>
    </p:spTree>
    <p:extLst>
      <p:ext uri="{BB962C8B-B14F-4D97-AF65-F5344CB8AC3E}">
        <p14:creationId xmlns="" xmlns:p14="http://schemas.microsoft.com/office/powerpoint/2010/main" val="258159770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="" xmlns:p14="http://schemas.microsoft.com/office/powerpoint/2010/main" val="166057139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420727364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5501167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32262" y="1855694"/>
            <a:ext cx="8279476" cy="3953435"/>
          </a:xfrm>
          <a:prstGeom prst="rect">
            <a:avLst/>
          </a:prstGeom>
        </p:spPr>
        <p:txBody>
          <a:bodyPr/>
          <a:lstStyle>
            <a:lvl1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4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03433" indent="0" algn="ctr">
              <a:buNone/>
            </a:lvl2pPr>
            <a:lvl3pPr marL="806867" indent="0" algn="ctr">
              <a:buNone/>
            </a:lvl3pPr>
            <a:lvl4pPr marL="1210300" indent="0" algn="ctr">
              <a:buNone/>
            </a:lvl4pPr>
            <a:lvl5pPr marL="1613733" indent="0" algn="ctr">
              <a:buNone/>
            </a:lvl5pPr>
            <a:lvl6pPr marL="2017166" indent="0" algn="ctr">
              <a:buNone/>
            </a:lvl6pPr>
            <a:lvl7pPr marL="2420600" indent="0" algn="ctr">
              <a:buNone/>
            </a:lvl7pPr>
            <a:lvl8pPr marL="2824033" indent="0" algn="ctr">
              <a:buNone/>
            </a:lvl8pPr>
            <a:lvl9pPr marL="3227466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="" xmlns:p14="http://schemas.microsoft.com/office/powerpoint/2010/main" val="367777888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4" b="0" i="0">
                <a:solidFill>
                  <a:schemeClr val="tx2"/>
                </a:solidFill>
                <a:latin typeface="Arial"/>
              </a:defRPr>
            </a:lvl1pPr>
            <a:lvl2pPr marL="403433" indent="0" algn="ctr">
              <a:buNone/>
            </a:lvl2pPr>
            <a:lvl3pPr marL="806867" indent="0" algn="ctr">
              <a:buNone/>
            </a:lvl3pPr>
            <a:lvl4pPr marL="1210300" indent="0" algn="ctr">
              <a:buNone/>
            </a:lvl4pPr>
            <a:lvl5pPr marL="1613733" indent="0" algn="ctr">
              <a:buNone/>
            </a:lvl5pPr>
            <a:lvl6pPr marL="2017166" indent="0" algn="ctr">
              <a:buNone/>
            </a:lvl6pPr>
            <a:lvl7pPr marL="2420600" indent="0" algn="ctr">
              <a:buNone/>
            </a:lvl7pPr>
            <a:lvl8pPr marL="2824033" indent="0" algn="ctr">
              <a:buNone/>
            </a:lvl8pPr>
            <a:lvl9pPr marL="3227466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="" xmlns:p14="http://schemas.microsoft.com/office/powerpoint/2010/main" val="67493841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7748" y="535377"/>
            <a:ext cx="8229600" cy="278130"/>
          </a:xfr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8" name="Rectangle 7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 cstate="print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387441169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solidFill>
                  <a:schemeClr val="tx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338714886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323924742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36969956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141489505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284725072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29191611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="" xmlns:p14="http://schemas.microsoft.com/office/powerpoint/2010/main" val="120684499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  <a:prstGeom prst="rect">
            <a:avLst/>
          </a:prstGeom>
        </p:spPr>
        <p:txBody>
          <a:bodyPr vert="horz" lIns="0" tIns="45720" rIns="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75250DF-1B5F-4AA3-A2B3-8B13CD43DE46}" type="datetimeFigureOut">
              <a:rPr lang="en-US" smtClean="0"/>
              <a:pPr/>
              <a:t>6/12/20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0822842-BF45-48B4-9CFF-24916EDCC40F}" type="slidenum">
              <a:rPr lang="en-US" smtClean="0"/>
              <a:pPr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="" xmlns:p14="http://schemas.microsoft.com/office/powerpoint/2010/main" val="313495786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="" xmlns:p15="http://schemas.microsoft.com/office/powerpoint/2012/main">
        <p15:guide id="1" orient="horz" pos="2160" userDrawn="1">
          <p15:clr>
            <a:srgbClr val="F26B43"/>
          </p15:clr>
        </p15:guide>
        <p15:guide id="2" pos="2880" userDrawn="1">
          <p15:clr>
            <a:srgbClr val="F26B43"/>
          </p15:clr>
        </p15:guide>
        <p15:guide id="3" pos="288" userDrawn="1">
          <p15:clr>
            <a:srgbClr val="F26B43"/>
          </p15:clr>
        </p15:guide>
        <p15:guide id="4" pos="5472" userDrawn="1">
          <p15:clr>
            <a:srgbClr val="F26B43"/>
          </p15:clr>
        </p15:guide>
        <p15:guide id="5" orient="horz" pos="4032" userDrawn="1">
          <p15:clr>
            <a:srgbClr val="F26B43"/>
          </p15:clr>
        </p15:guide>
        <p15:guide id="6" orient="horz" pos="28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pn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6.xml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3.xml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4" Type="http://schemas.openxmlformats.org/officeDocument/2006/relationships/notesSlide" Target="../notesSlides/notesSlide2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2.xml"/><Relationship Id="rId1" Type="http://schemas.openxmlformats.org/officeDocument/2006/relationships/tags" Target="../tags/tag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>
            <a:spLocks/>
          </p:cNvSpPr>
          <p:nvPr/>
        </p:nvSpPr>
        <p:spPr>
          <a:xfrm>
            <a:off x="475488" y="3441700"/>
            <a:ext cx="9107424" cy="369332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6D6E6A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Credit Memo</a:t>
            </a:r>
          </a:p>
        </p:txBody>
      </p:sp>
      <p:sp>
        <p:nvSpPr>
          <p:cNvPr id="7" name="CoverPageDateText"/>
          <p:cNvSpPr txBox="1">
            <a:spLocks/>
          </p:cNvSpPr>
          <p:nvPr/>
        </p:nvSpPr>
        <p:spPr>
          <a:xfrm>
            <a:off x="475488" y="4039632"/>
            <a:ext cx="3008376" cy="365760"/>
          </a:xfrm>
          <a:prstGeom prst="rect">
            <a:avLst/>
          </a:prstGeom>
        </p:spPr>
        <p:txBody>
          <a:bodyPr vert="horz" wrap="none" lIns="0" tIns="0" rIns="0" bIns="0" rtlCol="0" anchor="t">
            <a:noAutofit/>
          </a:bodyPr>
          <a:lstStyle>
            <a:lvl1pPr marL="3175" indent="0" algn="l" defTabSz="914400" rtl="0" eaLnBrk="1" latinLnBrk="0" hangingPunct="1">
              <a:lnSpc>
                <a:spcPct val="110000"/>
              </a:lnSpc>
              <a:spcBef>
                <a:spcPts val="10"/>
              </a:spcBef>
              <a:spcAft>
                <a:spcPct val="0"/>
              </a:spcAft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27432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173736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338328" indent="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502920" indent="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175" marR="0" lvl="0" indent="0" algn="l" defTabSz="914400" rtl="0" eaLnBrk="1" fontAlgn="auto" latinLnBrk="0" hangingPunct="1">
              <a:lnSpc>
                <a:spcPct val="110000"/>
              </a:lnSpc>
              <a:spcBef>
                <a:spcPts val="1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478FBF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[●] 2020</a:t>
            </a: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 cstate="print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5488" y="2199294"/>
            <a:ext cx="3882328" cy="1013806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37841185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Executive summary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472966" y="999933"/>
            <a:ext cx="8234382" cy="250991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200" b="1" dirty="0">
                <a:latin typeface="Arial" panose="020B0604020202020204" pitchFamily="34" charset="0"/>
              </a:rPr>
              <a:t>Transaction overview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472966" y="3930479"/>
            <a:ext cx="2506901" cy="220426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200" b="1" dirty="0">
                <a:latin typeface="Arial" panose="020B0604020202020204" pitchFamily="34" charset="0"/>
              </a:rPr>
              <a:t>Sources &amp; Uses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3356385" y="3930479"/>
            <a:ext cx="5350963" cy="220426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200" b="1" dirty="0">
                <a:latin typeface="Arial" panose="020B0604020202020204" pitchFamily="34" charset="0"/>
              </a:rPr>
              <a:t>Pro Forma Capitalization Table</a:t>
            </a:r>
          </a:p>
        </p:txBody>
      </p:sp>
      <p:sp>
        <p:nvSpPr>
          <p:cNvPr id="11" name="Rectangle 10"/>
          <p:cNvSpPr/>
          <p:nvPr>
            <p:custDataLst>
              <p:tags r:id="rId1"/>
            </p:custDataLst>
          </p:nvPr>
        </p:nvSpPr>
        <p:spPr>
          <a:xfrm>
            <a:off x="472966" y="1250924"/>
            <a:ext cx="8213834" cy="2585323"/>
          </a:xfrm>
          <a:prstGeom prst="rect">
            <a:avLst/>
          </a:prstGeom>
        </p:spPr>
        <p:txBody>
          <a:bodyPr wrap="square" lIns="0" rIns="0">
            <a:sp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US" sz="1100" b="1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Corporation (“Davis Industries” or the “Company”) is a medical devices manufacturer that delivers innovative infection prevention products and services for the healthcare market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specializes in the following reportable segments: Endoscopy, Water Purification and Filtration, Health Disposables, and Dialysis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or the LTM period </a:t>
            </a: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nded July 31, 2017, Davis Industries generated revenue of $480.3 million and adjusted EBITDA of $99.8 million</a:t>
            </a:r>
          </a:p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US" sz="11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is currently exploring how to refinance existing debt on its balance sheet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has $126mm of existing debt that is split into two tranches (“Tranche A” and “Tranche B”) that both mature later this year 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is considering putting in place a $200 million Revolving Credit Facility, the proceeds of which would be used to refinance Tranche A and Tranche B 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 Forma for the transaction, total leverage will be 1.3x based on LTM Adjusted EBITDA of $99.8 million</a:t>
            </a:r>
          </a:p>
        </p:txBody>
      </p:sp>
      <p:graphicFrame>
        <p:nvGraphicFramePr>
          <p:cNvPr id="6" name="Table 5"/>
          <p:cNvGraphicFramePr>
            <a:graphicFrameLocks noGrp="1"/>
          </p:cNvGraphicFramePr>
          <p:nvPr/>
        </p:nvGraphicFramePr>
        <p:xfrm>
          <a:off x="472966" y="4257683"/>
          <a:ext cx="8234383" cy="1671128"/>
        </p:xfrm>
        <a:graphic>
          <a:graphicData uri="http://schemas.openxmlformats.org/drawingml/2006/table">
            <a:tbl>
              <a:tblPr/>
              <a:tblGrid>
                <a:gridCol w="1706522">
                  <a:extLst>
                    <a:ext uri="{9D8B030D-6E8A-4147-A177-3AD203B41FA5}">
                      <a16:colId xmlns="" xmlns:a16="http://schemas.microsoft.com/office/drawing/2014/main" val="20000"/>
                    </a:ext>
                  </a:extLst>
                </a:gridCol>
                <a:gridCol w="795273">
                  <a:extLst>
                    <a:ext uri="{9D8B030D-6E8A-4147-A177-3AD203B41FA5}">
                      <a16:colId xmlns="" xmlns:a16="http://schemas.microsoft.com/office/drawing/2014/main" val="20001"/>
                    </a:ext>
                  </a:extLst>
                </a:gridCol>
                <a:gridCol w="364499">
                  <a:extLst>
                    <a:ext uri="{9D8B030D-6E8A-4147-A177-3AD203B41FA5}">
                      <a16:colId xmlns="" xmlns:a16="http://schemas.microsoft.com/office/drawing/2014/main" val="20002"/>
                    </a:ext>
                  </a:extLst>
                </a:gridCol>
                <a:gridCol w="1802895">
                  <a:extLst>
                    <a:ext uri="{9D8B030D-6E8A-4147-A177-3AD203B41FA5}">
                      <a16:colId xmlns="" xmlns:a16="http://schemas.microsoft.com/office/drawing/2014/main" val="20003"/>
                    </a:ext>
                  </a:extLst>
                </a:gridCol>
                <a:gridCol w="887916">
                  <a:extLst>
                    <a:ext uri="{9D8B030D-6E8A-4147-A177-3AD203B41FA5}">
                      <a16:colId xmlns="" xmlns:a16="http://schemas.microsoft.com/office/drawing/2014/main" val="20004"/>
                    </a:ext>
                  </a:extLst>
                </a:gridCol>
                <a:gridCol w="887916">
                  <a:extLst>
                    <a:ext uri="{9D8B030D-6E8A-4147-A177-3AD203B41FA5}">
                      <a16:colId xmlns="" xmlns:a16="http://schemas.microsoft.com/office/drawing/2014/main" val="20005"/>
                    </a:ext>
                  </a:extLst>
                </a:gridCol>
                <a:gridCol w="128272">
                  <a:extLst>
                    <a:ext uri="{9D8B030D-6E8A-4147-A177-3AD203B41FA5}">
                      <a16:colId xmlns="" xmlns:a16="http://schemas.microsoft.com/office/drawing/2014/main" val="20006"/>
                    </a:ext>
                  </a:extLst>
                </a:gridCol>
                <a:gridCol w="830545">
                  <a:extLst>
                    <a:ext uri="{9D8B030D-6E8A-4147-A177-3AD203B41FA5}">
                      <a16:colId xmlns="" xmlns:a16="http://schemas.microsoft.com/office/drawing/2014/main" val="20007"/>
                    </a:ext>
                  </a:extLst>
                </a:gridCol>
                <a:gridCol w="830545">
                  <a:extLst>
                    <a:ext uri="{9D8B030D-6E8A-4147-A177-3AD203B41FA5}">
                      <a16:colId xmlns="" xmlns:a16="http://schemas.microsoft.com/office/drawing/2014/main" val="20008"/>
                    </a:ext>
                  </a:extLst>
                </a:gridCol>
              </a:tblGrid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Sources ($mm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Before Transaction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After Transaction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="" xmlns:a16="http://schemas.microsoft.com/office/drawing/2014/main" val="10000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New Revolving Credit Facility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$mm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mount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x EBITD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mount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x EBITD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1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Sources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ranche 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80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8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0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000" b="1" i="0" u="none" strike="noStrike" dirty="0" smtClean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  <a:endParaRPr lang="en-US" sz="1000" b="1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000" b="1" i="0" u="none" strike="noStrike" dirty="0" smtClean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  <a:endParaRPr lang="en-US" sz="1000" b="1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2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ranche B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4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5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000" b="0" i="0" u="none" strike="noStrike" dirty="0" smtClean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  <a:endParaRPr lang="en-US" sz="1000" b="0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000" b="0" i="0" u="none" strike="noStrike" dirty="0" smtClean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  <a:endParaRPr lang="en-US" sz="1000" b="0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3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Uses ($mm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New Revolving Credit Facility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    - 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  - 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000" b="0" i="0" u="none" strike="noStrike" dirty="0" smtClean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26</a:t>
                      </a:r>
                      <a:endParaRPr lang="en-US" sz="1000" b="0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000" b="0" i="0" u="none" strike="noStrike" dirty="0" smtClean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  <a:endParaRPr lang="en-US" sz="1000" b="0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4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pay Tranche 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80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Debt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$    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000" b="1" i="0" u="none" strike="noStrike" dirty="0" smtClean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26</a:t>
                      </a:r>
                      <a:endParaRPr lang="en-US" sz="1000" b="1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000" b="1" i="0" u="none" strike="noStrike" dirty="0" smtClean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  <a:endParaRPr lang="en-US" sz="1000" b="1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5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pay Tranche B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4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6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Uses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djusted EBITD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99.8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$        99.8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7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="" xmlns:p14="http://schemas.microsoft.com/office/powerpoint/2010/main" val="343670554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2966" y="535377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/>
              <a:t>Financial overview</a:t>
            </a:r>
          </a:p>
        </p:txBody>
      </p:sp>
      <p:graphicFrame>
        <p:nvGraphicFramePr>
          <p:cNvPr id="5" name="Table 4"/>
          <p:cNvGraphicFramePr>
            <a:graphicFrameLocks noGrp="1"/>
          </p:cNvGraphicFramePr>
          <p:nvPr/>
        </p:nvGraphicFramePr>
        <p:xfrm>
          <a:off x="516464" y="956732"/>
          <a:ext cx="8263467" cy="5164669"/>
        </p:xfrm>
        <a:graphic>
          <a:graphicData uri="http://schemas.openxmlformats.org/drawingml/2006/table">
            <a:tbl>
              <a:tblPr/>
              <a:tblGrid>
                <a:gridCol w="1237047"/>
                <a:gridCol w="538802"/>
                <a:gridCol w="813701"/>
                <a:gridCol w="813701"/>
                <a:gridCol w="560795"/>
                <a:gridCol w="1858318"/>
                <a:gridCol w="813701"/>
                <a:gridCol w="813701"/>
                <a:gridCol w="813701"/>
              </a:tblGrid>
              <a:tr h="335686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600" b="1" i="0" u="none" strike="noStrike">
                          <a:solidFill>
                            <a:srgbClr val="FFFFFF"/>
                          </a:solidFill>
                          <a:latin typeface="Arial"/>
                        </a:rPr>
                        <a:t>Davis Industries - Financial Summary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</a:tr>
              <a:tr h="167912"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67912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5"/>
                    </a:solidFill>
                  </a:tcPr>
                </a:tc>
                <a:tc gridSpan="3">
                  <a:txBody>
                    <a:bodyPr/>
                    <a:lstStyle/>
                    <a:p>
                      <a:pPr algn="ct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FYE July 31,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5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5"/>
                    </a:solidFill>
                  </a:tcPr>
                </a:tc>
                <a:tc gridSpan="3">
                  <a:txBody>
                    <a:bodyPr/>
                    <a:lstStyle/>
                    <a:p>
                      <a:pPr algn="ct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FYE July 31,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5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167912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$ in millions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5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6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7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5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$ in millions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5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6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7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5"/>
                    </a:solidFill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sng" strike="noStrike">
                          <a:solidFill>
                            <a:srgbClr val="6D6E6A"/>
                          </a:solidFill>
                          <a:latin typeface="Arial"/>
                        </a:rPr>
                        <a:t>Income Statement</a:t>
                      </a:r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:</a:t>
                      </a:r>
                      <a:endParaRPr lang="en-US" sz="600" b="1" i="0" u="sng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sng" strike="noStrike">
                          <a:solidFill>
                            <a:srgbClr val="6D6E6A"/>
                          </a:solidFill>
                          <a:latin typeface="Arial"/>
                        </a:rPr>
                        <a:t>Cash Flow Statement</a:t>
                      </a:r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:</a:t>
                      </a:r>
                      <a:endParaRPr lang="en-US" sz="600" b="1" i="0" u="sng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Revenu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$353.1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$415.8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$480.3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Cash flow from operations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$39.1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$49.0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$59.9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</a:t>
                      </a:r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% growth</a:t>
                      </a:r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7.7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5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Capital expenditures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(7.9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(11.4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(16.8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1" u="none" strike="noStrike">
                        <a:solidFill>
                          <a:srgbClr val="0000FF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Free Cash Flow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1.1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7.5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43.1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</a:tr>
              <a:tr h="167912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Cost of Goods Sold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88.0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15.2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42.5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FF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Gross Profit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65.1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0.6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237.7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Acquisitions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(20.4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(65.0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(43.8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Gross margin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46.8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48.3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49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FF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endParaRPr lang="en-US" sz="6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1" u="none" strike="noStrike">
                        <a:solidFill>
                          <a:srgbClr val="0000FF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Dividends paid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(2.6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(3.1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(3.6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</a:tr>
              <a:tr h="167912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Total operating expenses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16.3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42.6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72.9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FF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Operating incom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48.8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58.0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64.8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sng" strike="noStrike">
                          <a:solidFill>
                            <a:srgbClr val="6D6E6A"/>
                          </a:solidFill>
                          <a:latin typeface="Arial"/>
                        </a:rPr>
                        <a:t>EBITDA calculation</a:t>
                      </a:r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:</a:t>
                      </a:r>
                      <a:endParaRPr lang="en-US" sz="600" b="1" i="0" u="sng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FF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Operating margin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3.8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4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3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Adjusted EBITDA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$70.2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$86.3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$99.8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67912"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FF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Net incom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7.8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4.9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40.8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sng" strike="noStrike">
                          <a:solidFill>
                            <a:srgbClr val="6D6E6A"/>
                          </a:solidFill>
                          <a:latin typeface="Arial"/>
                        </a:rPr>
                        <a:t>Credit ratios</a:t>
                      </a:r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:</a:t>
                      </a:r>
                      <a:endParaRPr lang="en-US" sz="600" b="1" i="0" u="sng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FF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Net profit margin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7.9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8.4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8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Total Debt / EBITDA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.1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.3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.3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7912"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FF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Debt to total capitalization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5.9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1.7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0.3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sng" strike="noStrike">
                          <a:solidFill>
                            <a:srgbClr val="6D6E6A"/>
                          </a:solidFill>
                          <a:latin typeface="Arial"/>
                        </a:rPr>
                        <a:t>Balance Sheet</a:t>
                      </a:r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:</a:t>
                      </a:r>
                      <a:endParaRPr lang="en-US" sz="600" b="1" i="0" u="sng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FF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FCF / Total Debt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9.7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2.4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4.2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335686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Cash and cash equivalents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$19.8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$26.8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$32.5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Accounts receivabl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43.5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58.4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69.1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Inventory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45.1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57.3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61.8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Total assets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65.0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443.3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501.1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Accounts payabl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0.1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6.4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17.2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Total debt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78.5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16.0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126.0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Equity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24.6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49.7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0000FF"/>
                          </a:solidFill>
                          <a:latin typeface="Arial"/>
                        </a:rPr>
                        <a:t>289.8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74627">
                <a:tc>
                  <a:txBody>
                    <a:bodyPr/>
                    <a:lstStyle/>
                    <a:p>
                      <a:pPr algn="l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Liabilities and equity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65.0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443.3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6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501.1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600" b="0" i="0" u="none" strike="noStrike" dirty="0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="" xmlns:p14="http://schemas.microsoft.com/office/powerpoint/2010/main" val="2419018358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TextBox 18"/>
          <p:cNvSpPr txBox="1"/>
          <p:nvPr/>
        </p:nvSpPr>
        <p:spPr>
          <a:xfrm>
            <a:off x="651806" y="1902463"/>
            <a:ext cx="3866408" cy="535937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6955" y="2651187"/>
            <a:ext cx="3866408" cy="535937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644381" y="3413186"/>
            <a:ext cx="3866408" cy="535937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4840940" y="3148724"/>
            <a:ext cx="3866408" cy="246221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sp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4840940" y="1501336"/>
            <a:ext cx="3866408" cy="722100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Business and industry overview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475489" y="999933"/>
            <a:ext cx="40427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Company overview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4841303" y="999933"/>
            <a:ext cx="3866046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Industry overview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4840941" y="4326090"/>
            <a:ext cx="3866407" cy="214201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Medical device manufacturer market growth ($</a:t>
            </a:r>
            <a:r>
              <a:rPr lang="en-US" sz="1100" b="1" dirty="0" err="1">
                <a:latin typeface="Arial" panose="020B0604020202020204" pitchFamily="34" charset="0"/>
              </a:rPr>
              <a:t>bn</a:t>
            </a:r>
            <a:r>
              <a:rPr lang="en-US" sz="1100" b="1" dirty="0">
                <a:latin typeface="Arial" panose="020B0604020202020204" pitchFamily="34" charset="0"/>
              </a:rPr>
              <a:t>)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4840940" y="3993243"/>
            <a:ext cx="3866408" cy="246221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sp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5" name="Rectangle 14"/>
          <p:cNvSpPr/>
          <p:nvPr>
            <p:custDataLst>
              <p:tags r:id="rId1"/>
            </p:custDataLst>
          </p:nvPr>
        </p:nvSpPr>
        <p:spPr>
          <a:xfrm>
            <a:off x="475488" y="1318971"/>
            <a:ext cx="4198111" cy="482439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</a:t>
            </a: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s a leading provider medical equipment and sanitation products  and services in the healthcare market: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rgical Instruments: 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ur surgical instruments segment encompasses end-to-end process of designing, developing, manufacturing, selling, and servicing a wide range of high-quality surgical product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edical Sterilizers: 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ur Medical Sterilizers segment offers comprehensive sterilization systems for medical and pharmaceutical instrument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ingle-Use Medical Disposables</a:t>
            </a:r>
            <a:r>
              <a:rPr lang="en-US" sz="1000" b="1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e provide wide range of single-use infection prevention healthcare products, primarily catering to the needs of medical practitioners. Our Products include: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itchFamily="34" charset="0"/>
              <a:buChar char="•"/>
            </a:pPr>
            <a:r>
              <a:rPr lang="en-IN" sz="1000" b="1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Hypodermic needles and syringe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itchFamily="34" charset="0"/>
              <a:buChar char="•"/>
            </a:pPr>
            <a:r>
              <a:rPr lang="en-IN" sz="1000" b="1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pplicator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itchFamily="34" charset="0"/>
              <a:buChar char="•"/>
            </a:pPr>
            <a:r>
              <a:rPr lang="en-IN" sz="1000" b="1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andages and wrap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itchFamily="34" charset="0"/>
              <a:buChar char="•"/>
            </a:pPr>
            <a:r>
              <a:rPr lang="en-IN" sz="1000" b="1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P&amp;E: Exam gowns, face masks and glove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itchFamily="34" charset="0"/>
              <a:buChar char="•"/>
            </a:pPr>
            <a:r>
              <a:rPr lang="en-IN" sz="1000" b="1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ction catheter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itchFamily="34" charset="0"/>
              <a:buChar char="•"/>
            </a:pPr>
            <a:r>
              <a:rPr lang="en-IN" sz="1000" b="1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rgical sponges</a:t>
            </a: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ustomers</a:t>
            </a:r>
            <a:endParaRPr lang="en-US" sz="1000" b="1" dirty="0">
              <a:solidFill>
                <a:srgbClr val="BA0C2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o customer accounted for more than 10% of consolidated net sales during FY2017, FY2016, or FY2015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" name="Rectangle 15"/>
          <p:cNvSpPr/>
          <p:nvPr>
            <p:custDataLst>
              <p:tags r:id="rId2"/>
            </p:custDataLst>
          </p:nvPr>
        </p:nvSpPr>
        <p:spPr>
          <a:xfrm>
            <a:off x="4840941" y="1241985"/>
            <a:ext cx="3866407" cy="303929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tal addressable markets (“TAM”)</a:t>
            </a:r>
          </a:p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rgical Instruments: </a:t>
            </a:r>
            <a:r>
              <a:rPr lang="en-US" sz="1000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[~$4.5 billion </a:t>
            </a: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/ growing at </a:t>
            </a:r>
            <a:r>
              <a:rPr lang="en-US" sz="1000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7%]</a:t>
            </a: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edical Sterilization: </a:t>
            </a:r>
            <a:r>
              <a:rPr lang="en-US" sz="1000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[~$1.0 billion </a:t>
            </a: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/ growing at </a:t>
            </a:r>
            <a:r>
              <a:rPr lang="en-US" sz="1000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%]</a:t>
            </a: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ingle-Use Medical Disposables</a:t>
            </a:r>
            <a:r>
              <a:rPr lang="en-US" sz="1000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[~$1.2 billion </a:t>
            </a: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/ growing at </a:t>
            </a:r>
            <a:r>
              <a:rPr lang="en-US" sz="1000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%]</a:t>
            </a: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rket drivers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ging US population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mprovements in medical technology and upgrading clinics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creased demand for single-use medical disposables</a:t>
            </a: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0" lvl="1" indent="-329184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etition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he overall market is highly competitive with peers such as</a:t>
            </a:r>
            <a:r>
              <a:rPr lang="en-US" sz="1000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IN" sz="1000" dirty="0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lta Corps, Omega Inc, Kappa </a:t>
            </a:r>
            <a:r>
              <a:rPr lang="en-IN" sz="1000" dirty="0" err="1" smtClean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mbh</a:t>
            </a: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17" name="Chart 16"/>
          <p:cNvGraphicFramePr/>
          <p:nvPr>
            <p:custDataLst>
              <p:tags r:id="rId3"/>
            </p:custDataLst>
          </p:nvPr>
        </p:nvGraphicFramePr>
        <p:xfrm>
          <a:off x="4840941" y="4669384"/>
          <a:ext cx="3866407" cy="160289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</p:spTree>
    <p:extLst>
      <p:ext uri="{BB962C8B-B14F-4D97-AF65-F5344CB8AC3E}">
        <p14:creationId xmlns="" xmlns:p14="http://schemas.microsoft.com/office/powerpoint/2010/main" val="1856993651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Deal structuring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475488" y="1037855"/>
            <a:ext cx="5118466" cy="193047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Collateral analysis 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475488" y="3878545"/>
            <a:ext cx="8231860" cy="306791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Risks and Mitigants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5776856" y="1005163"/>
            <a:ext cx="2930492" cy="24165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Financial covenant package</a:t>
            </a:r>
          </a:p>
        </p:txBody>
      </p:sp>
      <p:graphicFrame>
        <p:nvGraphicFramePr>
          <p:cNvPr id="12" name="Table 11"/>
          <p:cNvGraphicFramePr>
            <a:graphicFrameLocks noGrp="1"/>
          </p:cNvGraphicFramePr>
          <p:nvPr>
            <p:extLst>
              <p:ext uri="{D42A27DB-BD31-4B8C-83A1-F6EECF244321}">
                <p14:modId xmlns="" xmlns:p14="http://schemas.microsoft.com/office/powerpoint/2010/main" val="3320683144"/>
              </p:ext>
            </p:extLst>
          </p:nvPr>
        </p:nvGraphicFramePr>
        <p:xfrm>
          <a:off x="5776857" y="1289905"/>
          <a:ext cx="2930491" cy="277998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47425">
                  <a:extLst>
                    <a:ext uri="{9D8B030D-6E8A-4147-A177-3AD203B41FA5}">
                      <a16:colId xmlns="" xmlns:a16="http://schemas.microsoft.com/office/drawing/2014/main" val="20000"/>
                    </a:ext>
                  </a:extLst>
                </a:gridCol>
                <a:gridCol w="894678">
                  <a:extLst>
                    <a:ext uri="{9D8B030D-6E8A-4147-A177-3AD203B41FA5}">
                      <a16:colId xmlns="" xmlns:a16="http://schemas.microsoft.com/office/drawing/2014/main" val="20001"/>
                    </a:ext>
                  </a:extLst>
                </a:gridCol>
                <a:gridCol w="1788388">
                  <a:extLst>
                    <a:ext uri="{9D8B030D-6E8A-4147-A177-3AD203B41FA5}">
                      <a16:colId xmlns="" xmlns:a16="http://schemas.microsoft.com/office/drawing/2014/main" val="20002"/>
                    </a:ext>
                  </a:extLst>
                </a:gridCol>
              </a:tblGrid>
              <a:tr h="313467">
                <a:tc>
                  <a:txBody>
                    <a:bodyPr/>
                    <a:lstStyle/>
                    <a:p>
                      <a:endParaRPr lang="en-US" sz="900" b="1" dirty="0">
                        <a:solidFill>
                          <a:schemeClr val="bg1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chemeClr val="bg1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ovenant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chemeClr val="bg1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0"/>
                  </a:ext>
                </a:extLst>
              </a:tr>
              <a:tr h="423761">
                <a:tc>
                  <a:txBody>
                    <a:bodyPr/>
                    <a:lstStyle/>
                    <a:p>
                      <a:pPr algn="ctr"/>
                      <a:r>
                        <a:rPr lang="en-US" sz="900" b="1" dirty="0">
                          <a:solidFill>
                            <a:srgbClr val="FFFF0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 </a:t>
                      </a:r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aximum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Leverag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Total Debt / EBITDA)</a:t>
                      </a: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ssures adequate debt coverag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1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r>
                        <a:rPr lang="en-US" sz="900" b="1" dirty="0">
                          <a:solidFill>
                            <a:srgbClr val="FFFF0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 </a:t>
                      </a:r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 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terest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Coverage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EBITDA /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Total Interest)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Assures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operating earnings can cover interest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2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 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Fixed Charge Coverag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EBITDA less Capital Expenditures divided by Total Fixed Charges)</a:t>
                      </a: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ssures sufficiency of operating earnings for fixed requirements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3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 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Tangible Net Worth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 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Net Worth – Intangible assets) 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imits investments,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directing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to debt repayment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4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iquidity 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(Permit at any time its total of cash and marketable securities, to be less than a $ amount) 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ssures satisfactory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liquidity and tracks performance vs. plan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5"/>
                  </a:ext>
                </a:extLst>
              </a:tr>
            </a:tbl>
          </a:graphicData>
        </a:graphic>
      </p:graphicFrame>
      <p:graphicFrame>
        <p:nvGraphicFramePr>
          <p:cNvPr id="13" name="Table 12"/>
          <p:cNvGraphicFramePr>
            <a:graphicFrameLocks noGrp="1"/>
          </p:cNvGraphicFramePr>
          <p:nvPr>
            <p:extLst>
              <p:ext uri="{D42A27DB-BD31-4B8C-83A1-F6EECF244321}">
                <p14:modId xmlns="" xmlns:p14="http://schemas.microsoft.com/office/powerpoint/2010/main" val="2402475959"/>
              </p:ext>
            </p:extLst>
          </p:nvPr>
        </p:nvGraphicFramePr>
        <p:xfrm>
          <a:off x="475488" y="4326042"/>
          <a:ext cx="8231860" cy="15994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744943">
                  <a:extLst>
                    <a:ext uri="{9D8B030D-6E8A-4147-A177-3AD203B41FA5}">
                      <a16:colId xmlns="" xmlns:a16="http://schemas.microsoft.com/office/drawing/2014/main" val="20000"/>
                    </a:ext>
                  </a:extLst>
                </a:gridCol>
                <a:gridCol w="5486917">
                  <a:extLst>
                    <a:ext uri="{9D8B030D-6E8A-4147-A177-3AD203B41FA5}">
                      <a16:colId xmlns="" xmlns:a16="http://schemas.microsoft.com/office/drawing/2014/main" val="20001"/>
                    </a:ext>
                  </a:extLst>
                </a:gridCol>
              </a:tblGrid>
              <a:tr h="245072"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rgbClr val="FF000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isk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rgbClr val="00B05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tigant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0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mpetition 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- Company faces rapid technology changes in the medical device and water purification industry.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Company shows top line growth year over year  [●] Company research leads to patents resulting in a competitive advantage [●] Company has communicated to the bank that they have significant R&amp;D investment in process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1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gulation - 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ndustry  is experiencing significant scrutiny and regulation by governmental authorities, which may lead to greater regulation in the future.</a:t>
                      </a:r>
                      <a:endParaRPr lang="en-US" sz="7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Company regularly participants in seminars and webinars for proper regulation education [●] Company has not presented any significant regulation issues historically 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2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mmodity Risk - 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mpany is heavily reliant on certain raw materials and can be adversely impacted by rising prices.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Historically the company has been able to maintain strong margins [●] Company has a hedging strategy in place 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3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llateral shortfall -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$86,000m deficiency if revolver is fully drawn 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Company has maintained strong and consistent cash on their balance sheet [●] Company has low</a:t>
                      </a:r>
                      <a:r>
                        <a:rPr lang="en-US" sz="700" b="0" i="0" u="none" strike="noStrike" kern="1200" baseline="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cash flow</a:t>
                      </a:r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leverage under 1.50x and has had low cash flow</a:t>
                      </a:r>
                      <a:r>
                        <a:rPr lang="en-US" sz="700" b="0" i="0" u="none" strike="noStrike" kern="1200" baseline="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leverage historically [●] Company patents and performance warrants enterprise valuation which will be used as bank security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4"/>
                  </a:ext>
                </a:extLst>
              </a:tr>
            </a:tbl>
          </a:graphicData>
        </a:graphic>
      </p:graphicFrame>
      <p:graphicFrame>
        <p:nvGraphicFramePr>
          <p:cNvPr id="15" name="Table 14"/>
          <p:cNvGraphicFramePr>
            <a:graphicFrameLocks noGrp="1"/>
          </p:cNvGraphicFramePr>
          <p:nvPr>
            <p:extLst>
              <p:ext uri="{D42A27DB-BD31-4B8C-83A1-F6EECF244321}">
                <p14:modId xmlns="" xmlns:p14="http://schemas.microsoft.com/office/powerpoint/2010/main" val="940594409"/>
              </p:ext>
            </p:extLst>
          </p:nvPr>
        </p:nvGraphicFramePr>
        <p:xfrm>
          <a:off x="323088" y="1298372"/>
          <a:ext cx="5239512" cy="1800830"/>
        </p:xfrm>
        <a:graphic>
          <a:graphicData uri="http://schemas.openxmlformats.org/drawingml/2006/table">
            <a:tbl>
              <a:tblPr/>
              <a:tblGrid>
                <a:gridCol w="1408620">
                  <a:extLst>
                    <a:ext uri="{9D8B030D-6E8A-4147-A177-3AD203B41FA5}">
                      <a16:colId xmlns="" xmlns:a16="http://schemas.microsoft.com/office/drawing/2014/main" val="20000"/>
                    </a:ext>
                  </a:extLst>
                </a:gridCol>
                <a:gridCol w="1359967">
                  <a:extLst>
                    <a:ext uri="{9D8B030D-6E8A-4147-A177-3AD203B41FA5}">
                      <a16:colId xmlns="" xmlns:a16="http://schemas.microsoft.com/office/drawing/2014/main" val="20001"/>
                    </a:ext>
                  </a:extLst>
                </a:gridCol>
                <a:gridCol w="1359967">
                  <a:extLst>
                    <a:ext uri="{9D8B030D-6E8A-4147-A177-3AD203B41FA5}">
                      <a16:colId xmlns="" xmlns:a16="http://schemas.microsoft.com/office/drawing/2014/main" val="20002"/>
                    </a:ext>
                  </a:extLst>
                </a:gridCol>
                <a:gridCol w="1110958">
                  <a:extLst>
                    <a:ext uri="{9D8B030D-6E8A-4147-A177-3AD203B41FA5}">
                      <a16:colId xmlns="" xmlns:a16="http://schemas.microsoft.com/office/drawing/2014/main" val="20003"/>
                    </a:ext>
                  </a:extLst>
                </a:gridCol>
              </a:tblGrid>
              <a:tr h="318076">
                <a:tc>
                  <a:txBody>
                    <a:bodyPr/>
                    <a:lstStyle/>
                    <a:p>
                      <a:pPr algn="l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Collateral description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Eligible collateral value ($k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Authorized advance rate (%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Available collateral ($k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0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Accounts receivabl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69,078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8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55,262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1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Inventories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IN" sz="800" b="0" i="0" u="none" strike="noStrike" kern="1200" dirty="0" smtClean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61795</a:t>
                      </a:r>
                      <a:endParaRPr lang="en-US" sz="800" b="0" i="0" u="none" strike="noStrike" kern="1200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5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IN" sz="800" b="0" i="0" u="none" strike="noStrike" kern="1200" dirty="0" smtClean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30897</a:t>
                      </a:r>
                      <a:endParaRPr lang="en-US" sz="800" b="0" i="0" u="none" strike="noStrike" kern="1200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2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Property and equipment, net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IN" sz="800" b="0" i="0" u="none" strike="noStrike" kern="1200" dirty="0" smtClean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55211</a:t>
                      </a:r>
                      <a:endParaRPr lang="en-US" sz="800" b="0" i="0" u="none" strike="noStrike" kern="1200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5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IN" sz="800" b="0" i="0" u="none" strike="noStrike" kern="1200" dirty="0" smtClean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27605</a:t>
                      </a:r>
                      <a:endParaRPr lang="en-US" sz="800" b="0" i="0" u="none" strike="noStrike" kern="1200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3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="" xmlns:a16="http://schemas.microsoft.com/office/drawing/2014/main" val="10004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Total collateral availabl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800" b="0" i="0" u="none" strike="noStrike" dirty="0" smtClean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$113765</a:t>
                      </a:r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5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Less: (commitments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$126,0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6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Excess / (deficiency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800" b="1" i="0" u="none" strike="noStrike" dirty="0" smtClean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-$12234</a:t>
                      </a:r>
                      <a:endParaRPr lang="en-US" sz="800" b="1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7"/>
                  </a:ext>
                </a:extLst>
              </a:tr>
            </a:tbl>
          </a:graphicData>
        </a:graphic>
      </p:graphicFrame>
      <p:sp>
        <p:nvSpPr>
          <p:cNvPr id="10" name="Rectangle 9"/>
          <p:cNvSpPr/>
          <p:nvPr/>
        </p:nvSpPr>
        <p:spPr>
          <a:xfrm>
            <a:off x="475488" y="3356583"/>
            <a:ext cx="5118466" cy="521962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TextBox 13"/>
          <p:cNvSpPr txBox="1"/>
          <p:nvPr/>
        </p:nvSpPr>
        <p:spPr>
          <a:xfrm>
            <a:off x="423333" y="3292565"/>
            <a:ext cx="5257799" cy="923330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spAutoFit/>
          </a:bodyPr>
          <a:lstStyle/>
          <a:p>
            <a:r>
              <a:rPr lang="en-US" sz="900" dirty="0" smtClean="0"/>
              <a:t>Given that the company's balance sheet reveals A/R, Inventory, and Net PP&amp;E, it is important to note that a typical borrowing base only considers A/R and Inventory. However, the characteristics that usually necessitate monitoring under a borrowing base, such as being asset heavy, having intensive working capital needs, underperformance, or lacking alternative collateral, are not met by the company. As a result, it is advised that the company should not be monitored under a borrowing </a:t>
            </a:r>
            <a:r>
              <a:rPr lang="en-US" sz="900" dirty="0" err="1" smtClean="0"/>
              <a:t>base.increased</a:t>
            </a:r>
            <a:r>
              <a:rPr lang="en-US" sz="900" dirty="0" smtClean="0"/>
              <a:t> demand for single-use medical disposables</a:t>
            </a:r>
            <a:endParaRPr lang="en-US" sz="900" dirty="0"/>
          </a:p>
        </p:txBody>
      </p:sp>
      <p:sp>
        <p:nvSpPr>
          <p:cNvPr id="16" name="TextBox 15"/>
          <p:cNvSpPr txBox="1"/>
          <p:nvPr/>
        </p:nvSpPr>
        <p:spPr>
          <a:xfrm>
            <a:off x="475488" y="3090735"/>
            <a:ext cx="5118466" cy="234177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900" b="1" dirty="0">
                <a:latin typeface="Arial" panose="020B0604020202020204" pitchFamily="34" charset="0"/>
              </a:rPr>
              <a:t>Borrowing base recommendation</a:t>
            </a:r>
          </a:p>
        </p:txBody>
      </p:sp>
      <p:sp>
        <p:nvSpPr>
          <p:cNvPr id="3" name="Rectangle 2"/>
          <p:cNvSpPr/>
          <p:nvPr/>
        </p:nvSpPr>
        <p:spPr>
          <a:xfrm>
            <a:off x="5685677" y="1635004"/>
            <a:ext cx="365805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b="1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  <a:sym typeface="Wingdings" panose="05000000000000000000" pitchFamily="2" charset="2"/>
              </a:rPr>
              <a:t></a:t>
            </a:r>
            <a:endParaRPr lang="en-US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5690779" y="2041405"/>
            <a:ext cx="365805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b="1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  <a:sym typeface="Wingdings" panose="05000000000000000000" pitchFamily="2" charset="2"/>
              </a:rPr>
              <a:t></a:t>
            </a:r>
            <a:endParaRPr lang="en-US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167546722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/>
              <a:t>Term sheet </a:t>
            </a:r>
          </a:p>
        </p:txBody>
      </p:sp>
      <p:graphicFrame>
        <p:nvGraphicFramePr>
          <p:cNvPr id="12" name="Table 11"/>
          <p:cNvGraphicFramePr>
            <a:graphicFrameLocks noGrp="1"/>
          </p:cNvGraphicFramePr>
          <p:nvPr>
            <p:custDataLst>
              <p:tags r:id="rId2"/>
            </p:custDataLst>
          </p:nvPr>
        </p:nvGraphicFramePr>
        <p:xfrm>
          <a:off x="457200" y="1059671"/>
          <a:ext cx="8229600" cy="4961964"/>
        </p:xfrm>
        <a:graphic>
          <a:graphicData uri="http://schemas.openxmlformats.org/drawingml/2006/table">
            <a:tbl>
              <a:tblPr firstRow="1" lastRow="1"/>
              <a:tblGrid>
                <a:gridCol w="1606227">
                  <a:extLst>
                    <a:ext uri="{9D8B030D-6E8A-4147-A177-3AD203B41FA5}">
                      <a16:colId xmlns="" xmlns:a16="http://schemas.microsoft.com/office/drawing/2014/main" val="20000"/>
                    </a:ext>
                  </a:extLst>
                </a:gridCol>
                <a:gridCol w="167495">
                  <a:extLst>
                    <a:ext uri="{9D8B030D-6E8A-4147-A177-3AD203B41FA5}">
                      <a16:colId xmlns="" xmlns:a16="http://schemas.microsoft.com/office/drawing/2014/main" val="20001"/>
                    </a:ext>
                  </a:extLst>
                </a:gridCol>
                <a:gridCol w="6455878">
                  <a:extLst>
                    <a:ext uri="{9D8B030D-6E8A-4147-A177-3AD203B41FA5}">
                      <a16:colId xmlns="" xmlns:a16="http://schemas.microsoft.com/office/drawing/2014/main" val="20002"/>
                    </a:ext>
                  </a:extLst>
                </a:gridCol>
              </a:tblGrid>
              <a:tr h="123177">
                <a:tc gridSpan="3"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ts val="10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bg2"/>
                          </a:solidFill>
                          <a:effectLst/>
                          <a:latin typeface="Arial" pitchFamily="34" charset="0"/>
                          <a:ea typeface="LF_Kai" charset="-122"/>
                        </a:rPr>
                        <a:t>Proposed terms and conditions</a:t>
                      </a:r>
                    </a:p>
                  </a:txBody>
                  <a:tcPr marL="40341" marR="80682" marT="16136" marB="8068" anchor="b" horzOverflow="overflow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r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ts val="10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8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5720" marT="18288" marB="9144" anchor="b" horzOverflow="overflow"/>
                </a:tc>
                <a:extLst>
                  <a:ext uri="{0D108BD9-81ED-4DB2-BD59-A6C34878D82A}">
                    <a16:rowId xmlns="" xmlns:a16="http://schemas.microsoft.com/office/drawing/2014/main" val="10000"/>
                  </a:ext>
                </a:extLst>
              </a:tr>
              <a:tr h="457200">
                <a:tc>
                  <a:txBody>
                    <a:bodyPr/>
                    <a:lstStyle>
                      <a:lvl1pPr marL="444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l" defTabSz="914400" rtl="0" eaLnBrk="1" fontAlgn="base" latinLnBrk="0" hangingPunct="1">
                        <a:lnSpc>
                          <a:spcPct val="11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altLang="en-US" sz="10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bg2"/>
                          </a:solidFill>
                          <a:effectLst/>
                        </a:rPr>
                        <a:t>Borrower:</a:t>
                      </a:r>
                      <a:endParaRPr kumimoji="0" lang="en-US" altLang="en-US" sz="1000" b="1" i="0" u="none" strike="noStrike" cap="none" normalizeH="0" baseline="0" dirty="0">
                        <a:ln>
                          <a:noFill/>
                        </a:ln>
                        <a:solidFill>
                          <a:schemeClr val="bg2"/>
                        </a:solidFill>
                        <a:effectLst/>
                        <a:latin typeface="Times New Roman" pitchFamily="18" charset="0"/>
                        <a:ea typeface="MS PGothic" pitchFamily="34" charset="-128"/>
                        <a:cs typeface="Times New Roman" pitchFamily="18" charset="0"/>
                      </a:endParaRPr>
                    </a:p>
                  </a:txBody>
                  <a:tcPr marL="40341" marR="80682" marT="16136" marB="0" anchor="ctr" horzOverflow="overflow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kern="1200" cap="none" normalizeH="0" baseline="0" dirty="0">
                        <a:ln>
                          <a:noFill/>
                        </a:ln>
                        <a:solidFill>
                          <a:srgbClr val="E32726"/>
                        </a:solidFill>
                        <a:effectLst/>
                        <a:latin typeface="Arial" pitchFamily="34" charset="0"/>
                        <a:ea typeface="LF_Kai" charset="-122"/>
                        <a:cs typeface="+mn-cs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45720" indent="0" algn="l" defTabSz="914400" rtl="0" eaLnBrk="0" fontAlgn="b" latinLnBrk="0" hangingPunct="0">
                        <a:lnSpc>
                          <a:spcPct val="10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Davis Industries Corporation (the “Company”)</a:t>
                      </a:r>
                      <a:endParaRPr lang="en-US" sz="900" b="0" i="0" u="none" strike="noStrike" cap="none" baseline="0" noProof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1"/>
                  </a:ext>
                </a:extLst>
              </a:tr>
              <a:tr h="457200">
                <a:tc>
                  <a:txBody>
                    <a:bodyPr/>
                    <a:lstStyle>
                      <a:lvl1pPr marL="444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l" defTabSz="914400" rtl="0" eaLnBrk="1" fontAlgn="base" latinLnBrk="0" hangingPunct="1">
                        <a:lnSpc>
                          <a:spcPct val="11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altLang="en-US" sz="10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bg2"/>
                          </a:solidFill>
                          <a:effectLst/>
                        </a:rPr>
                        <a:t>Facility Type:</a:t>
                      </a:r>
                      <a:endParaRPr kumimoji="0" lang="en-US" altLang="en-US" sz="1000" b="1" i="0" u="none" strike="noStrike" cap="none" normalizeH="0" baseline="0" dirty="0">
                        <a:ln>
                          <a:noFill/>
                        </a:ln>
                        <a:solidFill>
                          <a:schemeClr val="bg2"/>
                        </a:solidFill>
                        <a:effectLst/>
                        <a:latin typeface="Times New Roman" pitchFamily="18" charset="0"/>
                        <a:ea typeface="MS PGothic" pitchFamily="34" charset="-128"/>
                        <a:cs typeface="Times New Roman" pitchFamily="18" charset="0"/>
                      </a:endParaRPr>
                    </a:p>
                  </a:txBody>
                  <a:tcPr marL="40341" marR="80682" marT="16136" marB="0" anchor="ctr" horzOverflow="overflow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128016" marR="0" lvl="1" indent="-128016" algn="l" defTabSz="914400" rtl="0" eaLnBrk="1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Char char="n"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1" indent="0" algn="l" defTabSz="914400" rtl="0" eaLnBrk="1" fontAlgn="base" latinLnBrk="0" hangingPunct="0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/>
                        <a:defRPr/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LF_Kai" charset="-122"/>
                          <a:cs typeface="Arial" panose="020B0604020202020204" pitchFamily="34" charset="0"/>
                        </a:rPr>
                        <a:t>Revolving Credit Facility</a:t>
                      </a: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2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Amount: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150000"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150000"/>
                        <a:buFontTx/>
                        <a:buNone/>
                        <a:tabLst/>
                      </a:pPr>
                      <a:r>
                        <a:rPr kumimoji="0" lang="en-US" altLang="en-US" sz="9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Arial" pitchFamily="34" charset="0"/>
                          <a:ea typeface="LF_Kai" charset="-122"/>
                        </a:rPr>
                        <a:t>$200,000,000</a:t>
                      </a: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="" xmlns:a16="http://schemas.microsoft.com/office/drawing/2014/main" val="10003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Tenor: 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150000"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5 years</a:t>
                      </a:r>
                      <a:endParaRPr lang="en-US" sz="900" b="0" i="0" u="none" strike="noStrike" kern="1200" cap="none" baseline="0" noProof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="" xmlns:a16="http://schemas.microsoft.com/office/drawing/2014/main" val="10004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Maturity: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5 years from closing date 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5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Spread (Interest Rate): 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4.00%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6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Undrawn Fee: 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50 basis points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7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Use of Proceeds:</a:t>
                      </a:r>
                      <a:endParaRPr lang="en-US" sz="1000" b="1" i="0" u="none" strike="noStrike" cap="none" baseline="0" noProof="0" dirty="0">
                        <a:solidFill>
                          <a:schemeClr val="bg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eneral corporate purposes</a:t>
                      </a:r>
                      <a:endParaRPr lang="en-US" sz="900" b="0" i="0" u="none" strike="noStrike" cap="none" baseline="0" noProof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8"/>
                  </a:ext>
                </a:extLst>
              </a:tr>
              <a:tr h="109728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Financial Covenants:</a:t>
                      </a:r>
                      <a:endParaRPr lang="en-US" sz="1000" b="1" i="0" u="none" strike="noStrike" cap="none" baseline="0" noProof="0" dirty="0">
                        <a:solidFill>
                          <a:schemeClr val="bg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128016" lvl="1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Leverage covenant not to exceed 3.50x</a:t>
                      </a:r>
                    </a:p>
                    <a:p>
                      <a:pPr marL="256032" lvl="2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Leverage calculated as Total Debt / EBITDA 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terest Coverage covenant not less than 3.00x</a:t>
                      </a:r>
                    </a:p>
                    <a:p>
                      <a:pPr marL="256032" lvl="2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terest Coverage covenant calculated as EBITDA / Total Interest 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9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="" xmlns:p14="http://schemas.microsoft.com/office/powerpoint/2010/main" val="2425417192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/>
              <a:t>Financial Model</a:t>
            </a:r>
          </a:p>
        </p:txBody>
      </p:sp>
      <p:sp>
        <p:nvSpPr>
          <p:cNvPr id="8" name="Subtitle 7"/>
          <p:cNvSpPr>
            <a:spLocks noGrp="1"/>
          </p:cNvSpPr>
          <p:nvPr>
            <p:ph type="subTitle" sz="quarter" idx="11"/>
          </p:nvPr>
        </p:nvSpPr>
        <p:spPr>
          <a:xfrm>
            <a:off x="457200" y="178990"/>
            <a:ext cx="8279476" cy="322729"/>
          </a:xfrm>
          <a:solidFill>
            <a:srgbClr val="FFFFCC"/>
          </a:solidFill>
        </p:spPr>
        <p:txBody>
          <a:bodyPr/>
          <a:lstStyle/>
          <a:p>
            <a:r>
              <a:rPr lang="en-US" b="1" dirty="0"/>
              <a:t>Participant to paste excel model below – Below is for </a:t>
            </a:r>
            <a:r>
              <a:rPr lang="en-US" b="1" dirty="0">
                <a:solidFill>
                  <a:srgbClr val="FF0000"/>
                </a:solidFill>
              </a:rPr>
              <a:t>illustrative purposes only, not to be included</a:t>
            </a:r>
          </a:p>
        </p:txBody>
      </p:sp>
      <p:graphicFrame>
        <p:nvGraphicFramePr>
          <p:cNvPr id="7" name="Table 6"/>
          <p:cNvGraphicFramePr>
            <a:graphicFrameLocks noGrp="1"/>
          </p:cNvGraphicFramePr>
          <p:nvPr/>
        </p:nvGraphicFramePr>
        <p:xfrm>
          <a:off x="499530" y="1092202"/>
          <a:ext cx="8373536" cy="5376322"/>
        </p:xfrm>
        <a:graphic>
          <a:graphicData uri="http://schemas.openxmlformats.org/drawingml/2006/table">
            <a:tbl>
              <a:tblPr/>
              <a:tblGrid>
                <a:gridCol w="1173859"/>
                <a:gridCol w="167695"/>
                <a:gridCol w="2213563"/>
                <a:gridCol w="626059"/>
                <a:gridCol w="419236"/>
                <a:gridCol w="419236"/>
                <a:gridCol w="419236"/>
                <a:gridCol w="419236"/>
                <a:gridCol w="419236"/>
                <a:gridCol w="419236"/>
                <a:gridCol w="419236"/>
                <a:gridCol w="419236"/>
                <a:gridCol w="419236"/>
                <a:gridCol w="419236"/>
              </a:tblGrid>
              <a:tr h="140659"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1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1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10"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Year Ended July 31,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130241"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FCF Model ($mm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7PF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8P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9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0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1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2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3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4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5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6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7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40659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Circuit Breake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Revenu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480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525.0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588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695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747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803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863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928.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998.2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,073.1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</a:tr>
              <a:tr h="140659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</a:t>
                      </a:r>
                    </a:p>
                  </a:txBody>
                  <a:tcPr marL="0" marR="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% Growth</a:t>
                      </a:r>
                    </a:p>
                  </a:txBody>
                  <a:tcPr marL="58741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5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9.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2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7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7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7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7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7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7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7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latin typeface="Symbol"/>
                      </a:endParaRPr>
                    </a:p>
                  </a:txBody>
                  <a:tcPr marL="58741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EBITDA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99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05.0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17.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29.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39.1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49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60.7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72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85.7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99.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214.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R/C Interest Rat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% Margin</a:t>
                      </a:r>
                    </a:p>
                  </a:txBody>
                  <a:tcPr marL="58741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.8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.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250061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478FBF"/>
                          </a:solidFill>
                          <a:latin typeface="Arial"/>
                        </a:rPr>
                        <a:t>4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Interest Expense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5.4)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3.8)</a:t>
                      </a:r>
                    </a:p>
                  </a:txBody>
                  <a:tcPr marL="0" marR="0" marT="0" marB="0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2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250061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R/C Unused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Cash Tax Expense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20.9)</a:t>
                      </a:r>
                    </a:p>
                  </a:txBody>
                  <a:tcPr marL="0" marR="0" marT="0" marB="0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23.5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25.8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27.7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29.8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32.1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34.5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37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39.8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42.8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250061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478FBF"/>
                          </a:solidFill>
                          <a:latin typeface="Arial"/>
                        </a:rPr>
                        <a:t>0.5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l-GR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Δ </a:t>
                      </a:r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in NWC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11.1)</a:t>
                      </a:r>
                    </a:p>
                  </a:txBody>
                  <a:tcPr marL="0" marR="0" marT="0" marB="0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15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14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11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12.4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13.3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14.3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15.4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16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17.8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250061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TLA Interest Rat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Capex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18.4)</a:t>
                      </a:r>
                    </a:p>
                  </a:txBody>
                  <a:tcPr marL="0" marR="0" marT="0" marB="0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20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22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24.3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26.2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28.1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30.2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32.5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34.9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(37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250061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478FBF"/>
                          </a:solidFill>
                          <a:latin typeface="Arial"/>
                        </a:rPr>
                        <a:t>4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Dividend payments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4.2)</a:t>
                      </a:r>
                    </a:p>
                  </a:txBody>
                  <a:tcPr marL="0" marR="0" marT="0" marB="0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4.7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5.2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5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6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6.4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6.9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7.4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8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(8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Free cash flow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46.6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51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60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68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74.1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79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85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92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99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06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Cumulative free cash flow</a:t>
                      </a:r>
                    </a:p>
                  </a:txBody>
                  <a:tcPr marL="58741" marR="0" marT="0" marB="0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46.6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98.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159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228.2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302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382.1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467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560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659.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766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</a:tr>
              <a:tr h="125031"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250061"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71.4%</a:t>
                      </a:r>
                    </a:p>
                  </a:txBody>
                  <a:tcPr marL="0" marR="0" marT="0" marB="0" anchor="b">
                    <a:lnL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7-yr Payout</a:t>
                      </a:r>
                    </a:p>
                  </a:txBody>
                  <a:tcPr marL="0" marR="0" marT="0" marB="0" anchor="b">
                    <a:lnL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25031"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Mandatory debt repayments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-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Cash available for debt servic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46.6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51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60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68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74.1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79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85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92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99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06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gridSpan="2">
                  <a:txBody>
                    <a:bodyPr/>
                    <a:lstStyle/>
                    <a:p>
                      <a:pPr algn="l" fontAlgn="t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Cumulative free cash flow for debt service</a:t>
                      </a:r>
                    </a:p>
                  </a:txBody>
                  <a:tcPr marL="58741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46.6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98.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159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228.2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302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382.1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467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560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659.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766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</a:tr>
              <a:tr h="125031"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40659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R/C Commitment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1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10"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Year Ended July 31,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130241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478FBF"/>
                          </a:solidFill>
                          <a:latin typeface="Arial"/>
                        </a:rPr>
                        <a:t>200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Covenant Projections ($mm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7PF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8E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1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TLA Commitment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R/C facility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26.0 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79.4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27.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</a:tr>
              <a:tr h="130241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478FBF"/>
                          </a:solidFill>
                          <a:latin typeface="Arial"/>
                        </a:rPr>
                        <a:t>0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Term Loan A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TLA Amortization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Total Debt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126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79.4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27.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</a:tr>
              <a:tr h="130241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478FBF"/>
                          </a:solidFill>
                          <a:latin typeface="Arial"/>
                        </a:rPr>
                        <a:t>1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500" b="0" i="0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Leverage Covenant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Leverage Ratio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.26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0.76x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0.23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</a:tr>
              <a:tr h="130241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478FBF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Leverage Covenant</a:t>
                      </a:r>
                    </a:p>
                  </a:txBody>
                  <a:tcPr marL="58741" marR="0" marT="0" marB="0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EBITDA Cushion ($)</a:t>
                      </a:r>
                    </a:p>
                  </a:txBody>
                  <a:tcPr marL="58741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63.78 </a:t>
                      </a:r>
                    </a:p>
                  </a:txBody>
                  <a:tcPr marL="58741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82.32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09.7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29.3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39.0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49.4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60.7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72.7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85.71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99.6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214.61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EBITDA Cushion (%)</a:t>
                      </a:r>
                    </a:p>
                  </a:txBody>
                  <a:tcPr marL="58741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63.92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78.4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93.33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25031"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endParaRPr lang="en-US" sz="5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58741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6D6E6A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Interest Covenant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Interest Coverage Ratio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8.44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7.79x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59.99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29.36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39.06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49.49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72.76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85.71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199.64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1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214.61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E2C2"/>
                    </a:solidFill>
                  </a:tcPr>
                </a:tc>
              </a:tr>
              <a:tr h="130241">
                <a:tc>
                  <a:txBody>
                    <a:bodyPr/>
                    <a:lstStyle/>
                    <a:p>
                      <a:pPr algn="ctr" fontAlgn="b"/>
                      <a:r>
                        <a:rPr lang="en-US" sz="500" b="0" i="0" u="none" strike="noStrike">
                          <a:solidFill>
                            <a:srgbClr val="478FBF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0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Interest Coverage Covenant</a:t>
                      </a:r>
                    </a:p>
                  </a:txBody>
                  <a:tcPr marL="58741" marR="0" marT="0" marB="0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EBITDA Cushion ($)</a:t>
                      </a:r>
                    </a:p>
                  </a:txBody>
                  <a:tcPr marL="58741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80.84 </a:t>
                      </a:r>
                    </a:p>
                  </a:txBody>
                  <a:tcPr marL="58741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  91.78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10.7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25.8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35.5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45.9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57.2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69.2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82.21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196.1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     211.11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135450"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500" b="0" i="1" u="none" strike="noStrike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EBITDA Cushion (%)</a:t>
                      </a:r>
                    </a:p>
                  </a:txBody>
                  <a:tcPr marL="58741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81.02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87.4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94.17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97.29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97.48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97.66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97.82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97.97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98.12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>
                          <a:solidFill>
                            <a:srgbClr val="6D6E6A"/>
                          </a:solidFill>
                          <a:latin typeface="Arial"/>
                        </a:rPr>
                        <a:t>98.2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1" u="none" strike="noStrike" dirty="0">
                          <a:solidFill>
                            <a:srgbClr val="6D6E6A"/>
                          </a:solidFill>
                          <a:latin typeface="Arial"/>
                        </a:rPr>
                        <a:t>98.37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="" xmlns:p14="http://schemas.microsoft.com/office/powerpoint/2010/main" val="139140704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26"/>
  <p:tag name="THISSHAPESIZEANDPOSITIONDETAILS" val="top=165.625&amp;left=37.44&amp;height=430.2813&amp;width=336.935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26"/>
  <p:tag name="THISSHAPESIZEANDPOSITIONDETAILS" val="top=165.625&amp;left=37.44&amp;height=430.2813&amp;width=336.935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26"/>
  <p:tag name="THISSHAPESIZEANDPOSITIONDETAILS" val="top=165.625&amp;left=37.44&amp;height=430.2813&amp;width=336.935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ERSION" val="2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Internal"/>
  <p:tag name="PITCHPROSLIDEID" val="326"/>
  <p:tag name="PRESENTATIONID" val="7fc75708-b8d2-4bb1-b50d-85aae1ccfd2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POWERPITCHTABLESTYLE" val="Standard numeric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5d6f99a7-f8ff-4828-bebf-a786b3d10174"/>
</p:tagLst>
</file>

<file path=ppt/theme/theme1.xml><?xml version="1.0" encoding="utf-8"?>
<a:theme xmlns:a="http://schemas.openxmlformats.org/drawingml/2006/main" name="Office Theme">
  <a:themeElements>
    <a:clrScheme name="JPMorgan Chase &amp; Co">
      <a:dk1>
        <a:sysClr val="windowText" lastClr="000000"/>
      </a:dk1>
      <a:lt1>
        <a:sysClr val="window" lastClr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B99D30"/>
      </a:hlink>
      <a:folHlink>
        <a:srgbClr val="007C88"/>
      </a:folHlink>
    </a:clrScheme>
    <a:fontScheme name="Office Them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=""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=""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558</TotalTime>
  <Words>2096</Words>
  <Application>Microsoft Office PowerPoint</Application>
  <PresentationFormat>On-screen Show (4:3)</PresentationFormat>
  <Paragraphs>679</Paragraphs>
  <Slides>7</Slides>
  <Notes>2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8" baseType="lpstr">
      <vt:lpstr>Office Theme</vt:lpstr>
      <vt:lpstr>Slide 1</vt:lpstr>
      <vt:lpstr>Executive summary</vt:lpstr>
      <vt:lpstr>Financial overview</vt:lpstr>
      <vt:lpstr>Business and industry overview</vt:lpstr>
      <vt:lpstr>Deal structuring</vt:lpstr>
      <vt:lpstr>Term sheet </vt:lpstr>
      <vt:lpstr>Financial Model</vt:lpstr>
    </vt:vector>
  </TitlesOfParts>
  <Company>JPMorgan Chase &amp; Co.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, Andrew X</dc:creator>
  <cp:lastModifiedBy>Admin</cp:lastModifiedBy>
  <cp:revision>77</cp:revision>
  <dcterms:created xsi:type="dcterms:W3CDTF">2020-03-26T22:50:15Z</dcterms:created>
  <dcterms:modified xsi:type="dcterms:W3CDTF">2023-06-12T07:25:28Z</dcterms:modified>
</cp:coreProperties>
</file>